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80" r:id="rId2"/>
    <p:sldId id="27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82" d="100"/>
          <a:sy n="82" d="100"/>
        </p:scale>
        <p:origin x="581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F4D21F-1AB0-3F70-54B4-B22A98D984C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0D1B984-38CE-F011-EF59-3D131023A7F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C6FD11-D4D7-546A-BA03-64391A8987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020D75-9D45-9A2A-3538-28288A18B3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86F281-5EFF-5BC6-1AAD-5B8DAC3F88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39497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93E494-57AE-1A8D-B96A-C18F48E38F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F0610C-3EF6-E366-9E97-9DE9CB32AB0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BE6178-54D0-12C5-09D1-E56DDBCB74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418DC8-81D7-5185-F349-EC09A23815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72FFE08-1DFB-C6DC-DDD6-37F7D68FAE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2997190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9E2AFD-C709-FD61-B693-98316E1CFB7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619FDE2-3AD0-E563-6D0D-5AE5B77082D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5F67EC-2CBF-D9EC-F701-87385F3B29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15947EB-5D33-4900-5FC5-68C46F9858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85860B-41C2-3459-0B92-D78282D6FF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650340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F311C5-B998-5C2F-F4FF-9BD9AEA743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671099-7C59-2276-828D-84185337AD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2B623C9-6E7F-6295-BFC8-78BF4725DF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3144D7-809A-9D4A-EDDB-81DA65290D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734D019-E391-B6A7-0D1F-3FFA86EC3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7052914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F66D05-4D25-BEDC-6CEE-CB84DA9CC1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8B6D0CD-68F2-C7FB-F8C2-C0562887FB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22D69B-5687-EBB4-ECD3-8DADC6C764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205C5E-A24D-DECE-6558-460034A2D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70BC196-0DAF-4B8A-0D05-4483A715C6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32973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4E9EE1-B892-F6EC-1A5C-D9A92E7905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504A79-8E84-A737-D6C9-5CE4144C190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2EB55F8-E68C-86A0-2524-FD577BDF38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265BB1F-F518-7009-A0CC-1CB3874D00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7D47ED2-C8EA-1232-0D44-B345633140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4711506-4566-5CF1-A9D1-F2A5E36C13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715583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A1D8D8-9924-6C09-D7BB-3F131C1C42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7609137-17EE-FF52-A010-5FA54CA6DE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B4880F7-CBD6-DD51-66E0-1C139C39C8D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9613D2A-8C1C-4362-0497-381B8CA793D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DF9C5BF-6AAC-0677-F92F-6D44A897A9B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2A3FBAF-BB50-596A-9476-EE1C68F6B2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17BF23E-A604-30A8-E69F-D004C4A7BA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8775E22-6E27-00F5-80F2-6DE864D1C0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37106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843580-4039-C6CE-DC5B-F7DFFD0060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8B38CD8-0DDA-49DF-EADD-86195013AB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78655C-6A92-D1A9-BB2B-5FE5AC28DA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BA6CE6-A8C1-1A33-8591-85995BB4C4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55127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C608B53-A975-AF74-E946-B66D8F965E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E993031-EC0F-3552-DEA1-BFE47EE386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0CBDB68-FF03-43F6-A9C4-7FECF13116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508017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6F97C8-2C2C-31A2-FC39-B8381F323D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D6A6FD-40AC-F5F5-9A05-A600BC4376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EBB5F65-CC79-C3DE-7CAF-97662A951F2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8A5F2ED-E943-91E6-C3F7-B2D7AE33BA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D9BA325-A86D-4B25-F00D-3E0ACAA177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8EE1B5F-A056-F44F-5614-C83411DE4C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668985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8E0178-34F9-291D-395B-93A8680244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0DE3C35-0898-1715-1ADC-E3D833262D3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F4043-3D44-00C9-3FDB-39EEE32EF72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DE01214-1D22-221B-AC77-9588D99D7D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0A895E-A83F-91F9-725F-51EF4182B2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EA72833-6C19-3969-72D2-672FC99FE2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342204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FF07BF7-39B3-D1D7-EE9D-A70472C6BE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4B9F52-DF31-D026-538A-3EDEEA4F429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0B25D95-5B16-6DD5-1270-24BA6E773A1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FC1D8AA-85F3-4DB2-A757-453DD0688F9F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E1D03F4-5CCA-1538-BCFD-3AACFC6E00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160831F-AE77-16B6-D4B7-637C80CAECA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AAAACA-89B5-47CE-9C88-CFC1D26CCD9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77984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image" Target="../media/image3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3" name="OTLSHAPE_M_6ff634da4d854d0d9fbc8b51fcb2dd0e_Connector1">
            <a:extLst>
              <a:ext uri="{FF2B5EF4-FFF2-40B4-BE49-F238E27FC236}">
                <a16:creationId xmlns:a16="http://schemas.microsoft.com/office/drawing/2014/main" id="{2AA44AE6-76FF-55E7-0047-CD35891B9037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6215994" y="3674150"/>
            <a:ext cx="0" cy="334052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54e5ddcf81ec45a798f665e8d4304ecb_Connector1">
            <a:extLst>
              <a:ext uri="{FF2B5EF4-FFF2-40B4-BE49-F238E27FC236}">
                <a16:creationId xmlns:a16="http://schemas.microsoft.com/office/drawing/2014/main" id="{EA2B5761-FE83-5321-7520-2B1741B4885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189273" y="2259591"/>
            <a:ext cx="0" cy="1005111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333e1b8c1dfb43ee9a0ce7e57831bf0b_Connector1">
            <a:extLst>
              <a:ext uri="{FF2B5EF4-FFF2-40B4-BE49-F238E27FC236}">
                <a16:creationId xmlns:a16="http://schemas.microsoft.com/office/drawing/2014/main" id="{55B8C0DA-F819-D111-7297-4E73FF05838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117075" y="3648750"/>
            <a:ext cx="0" cy="517567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435c3c587dc14c6b89dba783a5f69d05_Connector1">
            <a:extLst>
              <a:ext uri="{FF2B5EF4-FFF2-40B4-BE49-F238E27FC236}">
                <a16:creationId xmlns:a16="http://schemas.microsoft.com/office/drawing/2014/main" id="{F405690A-A2FE-123A-A9A3-DAC714CBBE04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1234522" y="2840161"/>
            <a:ext cx="0" cy="424540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M_4e91bb8943a74b158301cc7d87738766_Connector1">
            <a:extLst>
              <a:ext uri="{FF2B5EF4-FFF2-40B4-BE49-F238E27FC236}">
                <a16:creationId xmlns:a16="http://schemas.microsoft.com/office/drawing/2014/main" id="{491E828E-DF06-A9DE-A6AC-4CCE35BA775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51599" y="2599197"/>
            <a:ext cx="0" cy="665505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M_20990fc36b374e80b7ef4836ada642d2_Connector1">
            <a:extLst>
              <a:ext uri="{FF2B5EF4-FFF2-40B4-BE49-F238E27FC236}">
                <a16:creationId xmlns:a16="http://schemas.microsoft.com/office/drawing/2014/main" id="{206B45C5-E2A4-8042-89D5-A67EA75A5A6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244184" y="2872846"/>
            <a:ext cx="0" cy="366457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ScaleContainer">
            <a:extLst>
              <a:ext uri="{FF2B5EF4-FFF2-40B4-BE49-F238E27FC236}">
                <a16:creationId xmlns:a16="http://schemas.microsoft.com/office/drawing/2014/main" id="{37BCDBC1-06A3-41EF-48F8-EAB82F889F2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3264702"/>
            <a:ext cx="10515600" cy="182880"/>
          </a:xfrm>
          <a:prstGeom prst="round2SameRect">
            <a:avLst/>
          </a:prstGeom>
          <a:solidFill>
            <a:srgbClr val="2482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TB_00000000000000000000000000000000_MiddleScaleContainer">
            <a:extLst>
              <a:ext uri="{FF2B5EF4-FFF2-40B4-BE49-F238E27FC236}">
                <a16:creationId xmlns:a16="http://schemas.microsoft.com/office/drawing/2014/main" id="{FC11C651-B35E-357D-C64F-B302012A792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3456726"/>
            <a:ext cx="10515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1B263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C0B676D2-E36C-ACD1-F8BE-0BC54E024F0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3264702"/>
            <a:ext cx="9677400" cy="384048"/>
          </a:xfrm>
          <a:prstGeom prst="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D1212BA3-16AB-BC69-0A5E-025B9E19FD2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 flipV="1">
            <a:off x="10489820" y="3203742"/>
            <a:ext cx="63500" cy="60960"/>
          </a:xfrm>
          <a:prstGeom prst="triangle">
            <a:avLst/>
          </a:prstGeom>
          <a:solidFill>
            <a:srgbClr val="2482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0A82C855-774E-136F-8A13-7AE8E2D771D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0335817" y="301768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F77B165-66FA-7904-15CE-FA7F5212FB16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907965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1990</a:t>
            </a:r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0501676-2518-C088-597E-DFA66ECD3661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839689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1994</a:t>
            </a:r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2643D0E-1AD7-FE40-F3F1-38ED875C5C2E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985521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1998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834244E-3A9E-A374-5746-1ACCE3695219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131354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2002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26FFA4D-21B4-8F9A-D7F3-429BF97A464B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277186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D848AAF6-D9CC-2A39-A961-1F1BDC2C9DA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423018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CE5B22D4-B48E-3601-C4E7-7C010CA01F97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7568850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E3D97E58-DF40-47D5-AFD7-06617D4AE6F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714682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2018</a:t>
            </a:r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264B1C9-2880-3436-CC4E-11068D0185E5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860514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2022</a:t>
            </a:r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0C00D917-CB33-603A-B182-A9207BCA865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1006347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70" name="OTLSHAPE_TB_00000000000000000000000000000000_MiddleTimescaleInterval1">
            <a:extLst>
              <a:ext uri="{FF2B5EF4-FFF2-40B4-BE49-F238E27FC236}">
                <a16:creationId xmlns:a16="http://schemas.microsoft.com/office/drawing/2014/main" id="{7D151781-7BD8-4432-129F-36EE98DEFD9F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07965" y="3462906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 dirty="0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71" name="OTLSHAPE_TB_00000000000000000000000000000000_MiddleTimescaleInterval2">
            <a:extLst>
              <a:ext uri="{FF2B5EF4-FFF2-40B4-BE49-F238E27FC236}">
                <a16:creationId xmlns:a16="http://schemas.microsoft.com/office/drawing/2014/main" id="{3E04F082-1C2B-4EF8-C0B9-EE1DAF33E90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864002" y="3462906"/>
            <a:ext cx="20922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72" name="OTLSHAPE_TB_00000000000000000000000000000000_MiddleTimescaleInterval3">
            <a:extLst>
              <a:ext uri="{FF2B5EF4-FFF2-40B4-BE49-F238E27FC236}">
                <a16:creationId xmlns:a16="http://schemas.microsoft.com/office/drawing/2014/main" id="{30ACF2D5-2D5D-A6BE-4262-050DA8D71A0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817686" y="3462906"/>
            <a:ext cx="1971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>
                <a:solidFill>
                  <a:srgbClr val="E0E1DD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73" name="OTLSHAPE_TB_00000000000000000000000000000000_MiddleTimescaleInterval4">
            <a:extLst>
              <a:ext uri="{FF2B5EF4-FFF2-40B4-BE49-F238E27FC236}">
                <a16:creationId xmlns:a16="http://schemas.microsoft.com/office/drawing/2014/main" id="{87B9DE90-BC04-EEA6-E002-57478074733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772938" y="3462906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74" name="OTLSHAPE_TB_00000000000000000000000000000000_MiddleTimescaleInterval5">
            <a:extLst>
              <a:ext uri="{FF2B5EF4-FFF2-40B4-BE49-F238E27FC236}">
                <a16:creationId xmlns:a16="http://schemas.microsoft.com/office/drawing/2014/main" id="{BEC6ED7D-632A-CC4D-2104-0623D112E42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728190" y="3462906"/>
            <a:ext cx="20999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75" name="OTLSHAPE_TB_00000000000000000000000000000000_MiddleTimescaleInterval6">
            <a:extLst>
              <a:ext uri="{FF2B5EF4-FFF2-40B4-BE49-F238E27FC236}">
                <a16:creationId xmlns:a16="http://schemas.microsoft.com/office/drawing/2014/main" id="{7BF5E699-D094-5E29-4204-A4AF2E23C97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681874" y="3462906"/>
            <a:ext cx="1971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>
                <a:solidFill>
                  <a:srgbClr val="E0E1DD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76" name="OTLSHAPE_TB_00000000000000000000000000000000_MiddleTimescaleInterval7">
            <a:extLst>
              <a:ext uri="{FF2B5EF4-FFF2-40B4-BE49-F238E27FC236}">
                <a16:creationId xmlns:a16="http://schemas.microsoft.com/office/drawing/2014/main" id="{FF2A8848-C487-ECA7-B05F-80F24CCAD9F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637126" y="3462906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4" name="OTLSHAPE_TB_00000000000000000000000000000000_MiddleTimescaleInterval8">
            <a:extLst>
              <a:ext uri="{FF2B5EF4-FFF2-40B4-BE49-F238E27FC236}">
                <a16:creationId xmlns:a16="http://schemas.microsoft.com/office/drawing/2014/main" id="{87137CCD-E1DA-A6C0-751D-3F079C0824A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593163" y="3462906"/>
            <a:ext cx="20922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B_00000000000000000000000000000000_MiddleTimescaleInterval9">
            <a:extLst>
              <a:ext uri="{FF2B5EF4-FFF2-40B4-BE49-F238E27FC236}">
                <a16:creationId xmlns:a16="http://schemas.microsoft.com/office/drawing/2014/main" id="{464E4209-71ED-57C6-C3F0-07660961E3D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8546847" y="3462906"/>
            <a:ext cx="1971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12">
                <a:solidFill>
                  <a:srgbClr val="E0E1DD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45" name="OTLSHAPE_TB_00000000000000000000000000000000_MiddleTimescaleInterval10">
            <a:extLst>
              <a:ext uri="{FF2B5EF4-FFF2-40B4-BE49-F238E27FC236}">
                <a16:creationId xmlns:a16="http://schemas.microsoft.com/office/drawing/2014/main" id="{43F4ED6D-0044-17E2-7880-20766C75F51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502099" y="3462906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18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48" name="OTLSHAPE_TB_00000000000000000000000000000000_MiddleTimescaleInterval11">
            <a:extLst>
              <a:ext uri="{FF2B5EF4-FFF2-40B4-BE49-F238E27FC236}">
                <a16:creationId xmlns:a16="http://schemas.microsoft.com/office/drawing/2014/main" id="{D3E246EE-BCA2-61E3-4985-7D2E56105AD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457351" y="3462906"/>
            <a:ext cx="20999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14">
                <a:solidFill>
                  <a:srgbClr val="E0E1DD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3" name="OTLSHAPE_M_eaf47aca2065454f8b52a6e422f73fd8_Shape">
            <a:extLst>
              <a:ext uri="{FF2B5EF4-FFF2-40B4-BE49-F238E27FC236}">
                <a16:creationId xmlns:a16="http://schemas.microsoft.com/office/drawing/2014/main" id="{34C80999-9C34-86D2-B569-93BD0AD3FC8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flipV="1">
            <a:off x="5495117" y="3150402"/>
            <a:ext cx="152400" cy="1778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M_20990fc36b374e80b7ef4836ada642d2_Shape">
            <a:extLst>
              <a:ext uri="{FF2B5EF4-FFF2-40B4-BE49-F238E27FC236}">
                <a16:creationId xmlns:a16="http://schemas.microsoft.com/office/drawing/2014/main" id="{BCE49DA5-AF86-9B0D-6262-C991E427935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flipV="1">
            <a:off x="7167984" y="3150402"/>
            <a:ext cx="152400" cy="1778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" name="OTLSHAPE_M_4e91bb8943a74b158301cc7d87738766_Shape">
            <a:extLst>
              <a:ext uri="{FF2B5EF4-FFF2-40B4-BE49-F238E27FC236}">
                <a16:creationId xmlns:a16="http://schemas.microsoft.com/office/drawing/2014/main" id="{7FBF5470-4586-883F-EA03-239E0A07C9C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76999" y="2599196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M_c0eaff93f66748629d5c8b3a4843dabe_Shape">
            <a:extLst>
              <a:ext uri="{FF2B5EF4-FFF2-40B4-BE49-F238E27FC236}">
                <a16:creationId xmlns:a16="http://schemas.microsoft.com/office/drawing/2014/main" id="{D1E5F389-441C-9444-5042-70B1DACCEDE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184542" y="3585250"/>
            <a:ext cx="152400" cy="177800"/>
          </a:xfrm>
          <a:prstGeom prst="parallelogram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8" name="OTLSHAPE_M_6ff634da4d854d0d9fbc8b51fcb2dd0e_Shape">
            <a:extLst>
              <a:ext uri="{FF2B5EF4-FFF2-40B4-BE49-F238E27FC236}">
                <a16:creationId xmlns:a16="http://schemas.microsoft.com/office/drawing/2014/main" id="{957FD267-F2F0-99C4-A905-33D515ACB59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139794" y="3585250"/>
            <a:ext cx="152400" cy="177800"/>
          </a:xfrm>
          <a:prstGeom prst="parallelogram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" name="OTLSHAPE_M_6f29ef1535fb4bb7818565d0f64de3ba_Shape">
            <a:extLst>
              <a:ext uri="{FF2B5EF4-FFF2-40B4-BE49-F238E27FC236}">
                <a16:creationId xmlns:a16="http://schemas.microsoft.com/office/drawing/2014/main" id="{49C293B8-B75E-E349-F70B-4B6EC8A04AA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121668" y="3585250"/>
            <a:ext cx="152400" cy="177800"/>
          </a:xfrm>
          <a:prstGeom prst="teardrop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M_435c3c587dc14c6b89dba783a5f69d05_Shape">
            <a:extLst>
              <a:ext uri="{FF2B5EF4-FFF2-40B4-BE49-F238E27FC236}">
                <a16:creationId xmlns:a16="http://schemas.microsoft.com/office/drawing/2014/main" id="{C7192E97-D2C3-CEBF-889B-17411B549A7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5400000">
            <a:off x="11107522" y="2840162"/>
            <a:ext cx="101600" cy="1016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M_909ade66c9e945b8996f6453af4f18e6_Shape">
            <a:extLst>
              <a:ext uri="{FF2B5EF4-FFF2-40B4-BE49-F238E27FC236}">
                <a16:creationId xmlns:a16="http://schemas.microsoft.com/office/drawing/2014/main" id="{10A53FEA-461E-EADD-8998-FBCA6D8EBFD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814823" y="358525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OTLSHAPE_M_5ac3166b54ac410e90508023891748db_Shape">
            <a:extLst>
              <a:ext uri="{FF2B5EF4-FFF2-40B4-BE49-F238E27FC236}">
                <a16:creationId xmlns:a16="http://schemas.microsoft.com/office/drawing/2014/main" id="{E9987464-1D92-6DB4-4959-0E8217A660B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815234" y="3150402"/>
            <a:ext cx="152400" cy="1778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M_54e5ddcf81ec45a798f665e8d4304ecb_Shape">
            <a:extLst>
              <a:ext uri="{FF2B5EF4-FFF2-40B4-BE49-F238E27FC236}">
                <a16:creationId xmlns:a16="http://schemas.microsoft.com/office/drawing/2014/main" id="{9A2BC3F4-C2E8-A4DF-426B-7B02F61A1D0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 rot="16200000">
            <a:off x="9214673" y="2259591"/>
            <a:ext cx="101600" cy="1016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333e1b8c1dfb43ee9a0ce7e57831bf0b_Shape">
            <a:extLst>
              <a:ext uri="{FF2B5EF4-FFF2-40B4-BE49-F238E27FC236}">
                <a16:creationId xmlns:a16="http://schemas.microsoft.com/office/drawing/2014/main" id="{50106E5C-B34D-020C-C083-C8CCE5FC4061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10142475" y="4064717"/>
            <a:ext cx="101600" cy="1016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4e91bb8943a74b158301cc7d87738766_Title">
            <a:extLst>
              <a:ext uri="{FF2B5EF4-FFF2-40B4-BE49-F238E27FC236}">
                <a16:creationId xmlns:a16="http://schemas.microsoft.com/office/drawing/2014/main" id="{F6528C7F-171E-EA51-BE42-DF35DD3D316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010349" y="2441357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rst Milestone or Event Here</a:t>
            </a:r>
          </a:p>
        </p:txBody>
      </p:sp>
      <p:sp>
        <p:nvSpPr>
          <p:cNvPr id="35" name="OTLSHAPE_M_4e91bb8943a74b158301cc7d87738766_Date">
            <a:extLst>
              <a:ext uri="{FF2B5EF4-FFF2-40B4-BE49-F238E27FC236}">
                <a16:creationId xmlns:a16="http://schemas.microsoft.com/office/drawing/2014/main" id="{B94A074D-80F0-6B1F-9A15-62E05F0EA80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10349" y="265281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B263B"/>
                </a:solidFill>
                <a:latin typeface="Calibri Light" panose="020F0302020204030204" pitchFamily="34" charset="0"/>
              </a:rPr>
              <a:t>Oct 1</a:t>
            </a:r>
          </a:p>
        </p:txBody>
      </p:sp>
      <p:sp>
        <p:nvSpPr>
          <p:cNvPr id="37" name="OTLSHAPE_M_909ade66c9e945b8996f6453af4f18e6_Title">
            <a:extLst>
              <a:ext uri="{FF2B5EF4-FFF2-40B4-BE49-F238E27FC236}">
                <a16:creationId xmlns:a16="http://schemas.microsoft.com/office/drawing/2014/main" id="{3CF6DBC4-42E0-73D5-3BDE-A8D1A57C830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19219" y="4045074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>
                <a:solidFill>
                  <a:schemeClr val="dk1"/>
                </a:solidFill>
                <a:latin typeface="Calibri" panose="020F0502020204030204" pitchFamily="34" charset="0"/>
              </a:rPr>
              <a:t>Second Milestone or Event Here</a:t>
            </a:r>
          </a:p>
        </p:txBody>
      </p:sp>
      <p:sp>
        <p:nvSpPr>
          <p:cNvPr id="38" name="OTLSHAPE_M_909ade66c9e945b8996f6453af4f18e6_Date">
            <a:extLst>
              <a:ext uri="{FF2B5EF4-FFF2-40B4-BE49-F238E27FC236}">
                <a16:creationId xmlns:a16="http://schemas.microsoft.com/office/drawing/2014/main" id="{9CCA744A-1072-9BB9-4F48-5E427E2CEA8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783518" y="386465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0">
                <a:solidFill>
                  <a:schemeClr val="dk2"/>
                </a:solidFill>
                <a:latin typeface="Calibri Light" panose="020F0302020204030204" pitchFamily="34" charset="0"/>
              </a:rPr>
              <a:t>Jul 14</a:t>
            </a:r>
          </a:p>
        </p:txBody>
      </p:sp>
      <p:sp>
        <p:nvSpPr>
          <p:cNvPr id="40" name="OTLSHAPE_M_5ac3166b54ac410e90508023891748db_Title">
            <a:extLst>
              <a:ext uri="{FF2B5EF4-FFF2-40B4-BE49-F238E27FC236}">
                <a16:creationId xmlns:a16="http://schemas.microsoft.com/office/drawing/2014/main" id="{39B9A01E-7A2C-04D5-0246-79C34ED9257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945792" y="2758522"/>
            <a:ext cx="189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>
                <a:solidFill>
                  <a:schemeClr val="dk1"/>
                </a:solidFill>
                <a:latin typeface="Calibri" panose="020F0502020204030204" pitchFamily="34" charset="0"/>
              </a:rPr>
              <a:t>Third Milestone or Event Here</a:t>
            </a:r>
          </a:p>
        </p:txBody>
      </p:sp>
      <p:sp>
        <p:nvSpPr>
          <p:cNvPr id="41" name="OTLSHAPE_M_5ac3166b54ac410e90508023891748db_Date">
            <a:extLst>
              <a:ext uri="{FF2B5EF4-FFF2-40B4-BE49-F238E27FC236}">
                <a16:creationId xmlns:a16="http://schemas.microsoft.com/office/drawing/2014/main" id="{78CCFDA1-9190-F242-47A5-467BD286195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711411" y="296997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 Light" panose="020F0302020204030204" pitchFamily="34" charset="0"/>
              </a:rPr>
              <a:t>Nov 22</a:t>
            </a:r>
          </a:p>
        </p:txBody>
      </p:sp>
      <p:sp>
        <p:nvSpPr>
          <p:cNvPr id="43" name="OTLSHAPE_M_c0eaff93f66748629d5c8b3a4843dabe_Title">
            <a:extLst>
              <a:ext uri="{FF2B5EF4-FFF2-40B4-BE49-F238E27FC236}">
                <a16:creationId xmlns:a16="http://schemas.microsoft.com/office/drawing/2014/main" id="{3445F79D-3B24-CC2B-9B30-ADACB5CDDB0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269189" y="4008202"/>
            <a:ext cx="199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ourth Milestone or Event Here</a:t>
            </a:r>
          </a:p>
        </p:txBody>
      </p:sp>
      <p:sp>
        <p:nvSpPr>
          <p:cNvPr id="44" name="OTLSHAPE_M_c0eaff93f66748629d5c8b3a4843dabe_Date">
            <a:extLst>
              <a:ext uri="{FF2B5EF4-FFF2-40B4-BE49-F238E27FC236}">
                <a16:creationId xmlns:a16="http://schemas.microsoft.com/office/drawing/2014/main" id="{51433A2D-879C-4545-A185-60721D4C0B5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108787" y="382777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 Light" panose="020F0302020204030204" pitchFamily="34" charset="0"/>
              </a:rPr>
              <a:t>Mar 1</a:t>
            </a:r>
          </a:p>
        </p:txBody>
      </p:sp>
      <p:sp>
        <p:nvSpPr>
          <p:cNvPr id="46" name="OTLSHAPE_M_eaf47aca2065454f8b52a6e422f73fd8_Title">
            <a:extLst>
              <a:ext uri="{FF2B5EF4-FFF2-40B4-BE49-F238E27FC236}">
                <a16:creationId xmlns:a16="http://schemas.microsoft.com/office/drawing/2014/main" id="{0BF2E555-9357-5641-2FBB-252AE731C8C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647032" y="2728612"/>
            <a:ext cx="185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6">
                <a:solidFill>
                  <a:schemeClr val="dk1"/>
                </a:solidFill>
                <a:latin typeface="Calibri" panose="020F0502020204030204" pitchFamily="34" charset="0"/>
              </a:rPr>
              <a:t>Fifth Milestone or Event Here</a:t>
            </a:r>
          </a:p>
        </p:txBody>
      </p:sp>
      <p:sp>
        <p:nvSpPr>
          <p:cNvPr id="47" name="OTLSHAPE_M_eaf47aca2065454f8b52a6e422f73fd8_Date">
            <a:extLst>
              <a:ext uri="{FF2B5EF4-FFF2-40B4-BE49-F238E27FC236}">
                <a16:creationId xmlns:a16="http://schemas.microsoft.com/office/drawing/2014/main" id="{5617A603-845A-71AA-C312-4B2FA4974FF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434114" y="29400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 Light" panose="020F0302020204030204" pitchFamily="34" charset="0"/>
              </a:rPr>
              <a:t>Apr 1</a:t>
            </a:r>
          </a:p>
        </p:txBody>
      </p:sp>
      <p:sp>
        <p:nvSpPr>
          <p:cNvPr id="49" name="OTLSHAPE_M_6ff634da4d854d0d9fbc8b51fcb2dd0e_Title">
            <a:extLst>
              <a:ext uri="{FF2B5EF4-FFF2-40B4-BE49-F238E27FC236}">
                <a16:creationId xmlns:a16="http://schemas.microsoft.com/office/drawing/2014/main" id="{F72885D7-6EA1-B9D3-DD50-5B580367D43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277676" y="4453674"/>
            <a:ext cx="187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ixth Milestone or Event Here</a:t>
            </a:r>
          </a:p>
        </p:txBody>
      </p:sp>
      <p:sp>
        <p:nvSpPr>
          <p:cNvPr id="50" name="OTLSHAPE_M_6ff634da4d854d0d9fbc8b51fcb2dd0e_Date">
            <a:extLst>
              <a:ext uri="{FF2B5EF4-FFF2-40B4-BE49-F238E27FC236}">
                <a16:creationId xmlns:a16="http://schemas.microsoft.com/office/drawing/2014/main" id="{118A0509-800C-0E8C-1DCC-EF5294280D7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102583" y="4273249"/>
            <a:ext cx="21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0">
                <a:solidFill>
                  <a:schemeClr val="dk2"/>
                </a:solidFill>
                <a:latin typeface="Calibri Light" panose="020F0302020204030204" pitchFamily="34" charset="0"/>
              </a:rPr>
              <a:t>Jul 1</a:t>
            </a:r>
          </a:p>
        </p:txBody>
      </p:sp>
      <p:sp>
        <p:nvSpPr>
          <p:cNvPr id="52" name="OTLSHAPE_M_20990fc36b374e80b7ef4836ada642d2_Title">
            <a:extLst>
              <a:ext uri="{FF2B5EF4-FFF2-40B4-BE49-F238E27FC236}">
                <a16:creationId xmlns:a16="http://schemas.microsoft.com/office/drawing/2014/main" id="{8A9AC23E-D2E7-CC48-81FF-7C43CFB26DE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207716" y="2480965"/>
            <a:ext cx="208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>
                <a:solidFill>
                  <a:schemeClr val="dk1"/>
                </a:solidFill>
                <a:latin typeface="Calibri" panose="020F0502020204030204" pitchFamily="34" charset="0"/>
              </a:rPr>
              <a:t>Seventh Milestone or Event Here</a:t>
            </a:r>
          </a:p>
        </p:txBody>
      </p:sp>
      <p:sp>
        <p:nvSpPr>
          <p:cNvPr id="53" name="OTLSHAPE_M_20990fc36b374e80b7ef4836ada642d2_Date">
            <a:extLst>
              <a:ext uri="{FF2B5EF4-FFF2-40B4-BE49-F238E27FC236}">
                <a16:creationId xmlns:a16="http://schemas.microsoft.com/office/drawing/2014/main" id="{C2A7C3C4-5683-72EC-2701-2BFDB417CCC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104993" y="26924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6">
                <a:solidFill>
                  <a:srgbClr val="1B263B"/>
                </a:solidFill>
                <a:latin typeface="Calibri Light" panose="020F0302020204030204" pitchFamily="34" charset="0"/>
              </a:rPr>
              <a:t>Feb 1</a:t>
            </a:r>
          </a:p>
        </p:txBody>
      </p:sp>
      <p:sp>
        <p:nvSpPr>
          <p:cNvPr id="55" name="OTLSHAPE_M_6f29ef1535fb4bb7818565d0f64de3ba_Title">
            <a:extLst>
              <a:ext uri="{FF2B5EF4-FFF2-40B4-BE49-F238E27FC236}">
                <a16:creationId xmlns:a16="http://schemas.microsoft.com/office/drawing/2014/main" id="{8DA2F3EE-6795-E54A-CBFD-0CE7E4487BF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258005" y="3987446"/>
            <a:ext cx="189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>
                <a:solidFill>
                  <a:schemeClr val="dk1"/>
                </a:solidFill>
                <a:latin typeface="Calibri" panose="020F0502020204030204" pitchFamily="34" charset="0"/>
              </a:rPr>
              <a:t>Eight Milestone or Event Here</a:t>
            </a:r>
          </a:p>
        </p:txBody>
      </p:sp>
      <p:sp>
        <p:nvSpPr>
          <p:cNvPr id="56" name="OTLSHAPE_M_6f29ef1535fb4bb7818565d0f64de3ba_Date">
            <a:extLst>
              <a:ext uri="{FF2B5EF4-FFF2-40B4-BE49-F238E27FC236}">
                <a16:creationId xmlns:a16="http://schemas.microsoft.com/office/drawing/2014/main" id="{BC0776C6-4CF8-B59F-A0C5-4D978071015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065470" y="380702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rgbClr val="1B263B"/>
                </a:solidFill>
                <a:latin typeface="Calibri Light" panose="020F0302020204030204" pitchFamily="34" charset="0"/>
              </a:rPr>
              <a:t>Jun 1</a:t>
            </a:r>
          </a:p>
        </p:txBody>
      </p:sp>
      <p:sp>
        <p:nvSpPr>
          <p:cNvPr id="58" name="OTLSHAPE_M_54e5ddcf81ec45a798f665e8d4304ecb_Title">
            <a:extLst>
              <a:ext uri="{FF2B5EF4-FFF2-40B4-BE49-F238E27FC236}">
                <a16:creationId xmlns:a16="http://schemas.microsoft.com/office/drawing/2014/main" id="{0F5BD4A5-510D-D0D6-668C-F9875460B60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348023" y="2101751"/>
            <a:ext cx="191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>
                <a:solidFill>
                  <a:schemeClr val="dk1"/>
                </a:solidFill>
                <a:latin typeface="Calibri" panose="020F0502020204030204" pitchFamily="34" charset="0"/>
              </a:rPr>
              <a:t>Ninth Milestone or Event Here</a:t>
            </a:r>
          </a:p>
        </p:txBody>
      </p:sp>
      <p:sp>
        <p:nvSpPr>
          <p:cNvPr id="59" name="OTLSHAPE_M_54e5ddcf81ec45a798f665e8d4304ecb_Date">
            <a:extLst>
              <a:ext uri="{FF2B5EF4-FFF2-40B4-BE49-F238E27FC236}">
                <a16:creationId xmlns:a16="http://schemas.microsoft.com/office/drawing/2014/main" id="{5D3AC290-D3C8-5A1C-D5FC-168A4C22779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348023" y="231320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dk2"/>
                </a:solidFill>
                <a:latin typeface="Calibri Light" panose="020F0302020204030204" pitchFamily="34" charset="0"/>
              </a:rPr>
              <a:t>Nov 9</a:t>
            </a:r>
          </a:p>
        </p:txBody>
      </p:sp>
      <p:sp>
        <p:nvSpPr>
          <p:cNvPr id="61" name="OTLSHAPE_M_333e1b8c1dfb43ee9a0ce7e57831bf0b_Title">
            <a:extLst>
              <a:ext uri="{FF2B5EF4-FFF2-40B4-BE49-F238E27FC236}">
                <a16:creationId xmlns:a16="http://schemas.microsoft.com/office/drawing/2014/main" id="{F6A1E190-5D79-892A-351C-494EA1AA667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275825" y="4045074"/>
            <a:ext cx="1625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Tenth Milestone or Event Here</a:t>
            </a:r>
          </a:p>
        </p:txBody>
      </p:sp>
      <p:sp>
        <p:nvSpPr>
          <p:cNvPr id="62" name="OTLSHAPE_M_333e1b8c1dfb43ee9a0ce7e57831bf0b_Date">
            <a:extLst>
              <a:ext uri="{FF2B5EF4-FFF2-40B4-BE49-F238E27FC236}">
                <a16:creationId xmlns:a16="http://schemas.microsoft.com/office/drawing/2014/main" id="{7756F01D-4B43-9E2F-AE56-5C2F1C0CE03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275825" y="386465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dk2"/>
                </a:solidFill>
                <a:latin typeface="Calibri Light" panose="020F0302020204030204" pitchFamily="34" charset="0"/>
              </a:rPr>
              <a:t>Feb 4</a:t>
            </a:r>
          </a:p>
        </p:txBody>
      </p:sp>
      <p:sp>
        <p:nvSpPr>
          <p:cNvPr id="64" name="OTLSHAPE_M_435c3c587dc14c6b89dba783a5f69d05_Title">
            <a:extLst>
              <a:ext uri="{FF2B5EF4-FFF2-40B4-BE49-F238E27FC236}">
                <a16:creationId xmlns:a16="http://schemas.microsoft.com/office/drawing/2014/main" id="{1506A807-9B22-4FF9-8D70-AD8D3A7E6F9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698793" y="268232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200" b="1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5" name="OTLSHAPE_M_435c3c587dc14c6b89dba783a5f69d05_Date">
            <a:extLst>
              <a:ext uri="{FF2B5EF4-FFF2-40B4-BE49-F238E27FC236}">
                <a16:creationId xmlns:a16="http://schemas.microsoft.com/office/drawing/2014/main" id="{37A7C56F-4C8E-8265-434D-BC43A29303E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746461" y="28937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8">
                <a:solidFill>
                  <a:srgbClr val="1B263B"/>
                </a:solidFill>
                <a:latin typeface="Calibri Light" panose="020F0302020204030204" pitchFamily="34" charset="0"/>
              </a:rPr>
              <a:t>Jan 15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9C60813E-55CC-286F-5B90-74C8F19006D7}"/>
              </a:ext>
            </a:extLst>
          </p:cNvPr>
          <p:cNvSpPr txBox="1"/>
          <p:nvPr/>
        </p:nvSpPr>
        <p:spPr>
          <a:xfrm>
            <a:off x="844465" y="693019"/>
            <a:ext cx="459712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Blank Timeline Template</a:t>
            </a:r>
          </a:p>
        </p:txBody>
      </p:sp>
      <p:pic>
        <p:nvPicPr>
          <p:cNvPr id="57" name="Picture 56" descr="Icon&#10;&#10;Description automatically generated">
            <a:extLst>
              <a:ext uri="{FF2B5EF4-FFF2-40B4-BE49-F238E27FC236}">
                <a16:creationId xmlns:a16="http://schemas.microsoft.com/office/drawing/2014/main" id="{64A1FE1D-63D5-146F-366B-2112403F118A}"/>
              </a:ext>
            </a:extLst>
          </p:cNvPr>
          <p:cNvPicPr>
            <a:picLocks noChangeAspect="1"/>
          </p:cNvPicPr>
          <p:nvPr/>
        </p:nvPicPr>
        <p:blipFill>
          <a:blip r:embed="rId6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26937" y="4756125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420899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pudWxsLCJFZGl0aW9uIjpudWxsLCJMYXN0U2F2ZWRFZGl0aW9uIjoz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xLCJTaGFwZSI6MCwiU2hhcGVTdHlsZSI6eyIkaWQiOiIyNiIsIk1hcmdpbiI6eyIkaWQiOiIyNyIsIlRvcCI6MC4wLCJMZWZ0IjoxMC4wLCJSaWdodCI6MTAuMCwiQm90dG9tIjowLjB9LCJQYWRkaW5nIjp7IiRpZCI6IjI4IiwiVG9wIjozLjAsIkxlZnQiOjAuMCwiUmlnaHQiOjAuMCwiQm90dG9tIjozLjB9LCJCYWNrZ3JvdW5kIjp7IiRpZCI6IjI5IiwiQ29sb3IiOnsiJGlkIjoiMzAiLCJBIjoyNTUsIlIiOjM2LCJHIjoxMzAsIkIiOjUwfX0sIklzVmlzaWJsZSI6dHJ1ZSwiV2lkdGgiOjg1OC4wLCJIZWlnaHQiOjE0LjM5OTk5OTYxODUzMDI3My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MC4wLCJSaWdodCI6MC4wLCJCb3R0b20iOjAuMH0sIlBhZGRpbmciOnsiJGlkIjoiNjMiLCJUb3AiOjAuMCwiTGVmdCI6MC4wLCJSaWdodCI6MC4wLCJCb3R0b20iOjAuMH0sIkJhY2tncm91bmQiOnsiJGlkIjoiNjQiLCJDb2xvciI6eyIkcmVmIjoiNTcifX0sIklzVmlzaWJsZSI6ZmFsc2UsIldpZHRoIjowLjAsIkhlaWdodCI6MC4wLCJCb3JkZXJTdHlsZSI6bnVsbC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EyNywiUiI6MjcsIkciOjM4LCJCIjo1OX19LCJMaW5lV2VpZ2h0IjoxLjAsIkxpbmVUeXBlIjowLCJQYXJlbnRTdHlsZSI6bnVsbH0sIklzQmVsb3dUaW1lYmFuZCI6ZmFsc2UsIlBvc2l0aW9uT25UYXNrIjowLCJIaWRlRGF0ZSI6ZmFsc2UsIlNoYXBlU2l6ZSI6MCwiU3BhY2luZyI6Mi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MCwiUiI6MjU1LCJHIjoyNTUsIkIiOjI1NX19LCJJc1Zpc2libGUiOnRydWUsIldpZHRoIjowLjAsIkhlaWdodCI6MC4wLCJCb3JkZXJTdHlsZSI6bnVsbCwiUGFyZW50U3R5bGUiOm51bGx9LCJEYXRlRm9ybWF0Ijp7IiRpZCI6IjE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pZCI6IjE2OCIsIkEiOjAsIlIiOjI1NSwiRyI6MjU1LCJCIjoyNTV9fSwiSXNWaXNpYmxlIjp0cnVlLCJXaWR0aCI6MC4wLCJIZWlnaHQiOjAuMCwiQm9yZGVyU3R5bGUiOm51bGwsIlBhcmVudFN0eWxlIjpudWxsfSwiRGF0ZUZvcm1hdCI6eyIkaWQiOiIx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AsIkZvcmVncm91bmQiOnsiJGlkIjoiMjAyIiwiQ29sb3IiOnsiJGlkIjoiMj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HJlZiI6IjU3In19LCJJc1Zpc2libGUiOnRydWUsIldpZHRoIjowLjAsIkhlaWdodCI6MC4wLCJCb3JkZXJTdHlsZSI6bnVsbCwiUGFyZW50U3R5bGUiOm51bGx9LCJEYXRlU3R5bGUiOnsiJGlkIjoiMjA3IiwiRm9udFNldHRpbmdzIjp7IiRpZCI6IjIwOCIsIkZvbnRTaXplIjoxMCwiRm9udE5hbWUiOiJDYWxpYnJpIiwiSXNCb2xkIjpmYWxzZSwiSXNJdGFsaWMiOmZhbHNlLCJJc1VuZGVybGluZWQiOmZhbHNlLCJQYXJlbnRTdHlsZSI6bnVsbH0sIkF1dG9TaXplIjowLCJGb3JlZ3JvdW5kIjp7IiRpZCI6IjIwOSIsIkNvbG9yIjp7IiRpZCI6IjIx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cmVmIjoiNTcifX0sIklzVmlzaWJsZSI6dHJ1ZSwiV2lkdGgiOjAuMCwiSGVpZ2h0IjowLjAsIkJvcmRlclN0eWxlIjpudWxsLCJQYXJlbnRTdHlsZSI6bnVsbH0sIkRhdGVGb3JtYXQiOnsiJGlkIjoiMj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SIsIkZvcm1hdCI6MCwiSXNWaXNpYmxlIjpmYWxzZSwiTGFzdEtub3duVmlzaWJpbGl0eVN0YXRlIjpmYWxzZX0sIklzVmlzaWJsZSI6dHJ1ZSwiUGFyZW50U3R5bGUiOm51bGwsIl9leHBsaWNpdGx5U2V0Ijp7IiRpZCI6IjIx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CwiRyI6MCwiQiI6MH19LCJJc1Zpc2libGUiOnRydWUsIldpZHRoIjowLjAsIkhlaWdodCI6MC4wLCJCb3JkZXJTdHlsZSI6bnVsbCwiUGFyZW50U3R5bGUiOm51bGx9LCJEYXRlU3R5bGUiOnsiJGlkIjoiMjM0IiwiRm9udFNldHRpbmdzIjp7IiRpZCI6IjIzNSIsIkZvbnRTaXplIjoxMCwiRm9udE5hbWUiOiJDYWxpYnJpIExpZ2h0IiwiSXNCb2xkIjpmYWxzZSwiSXNJdGFsaWMiOmZhbHNlLCJJc1VuZGVybGluZWQiOmZhbHNlLCJQYXJlbnRTdHlsZSI6bnVsbH0sIkF1dG9TaXplIjowLCJGb3JlZ3JvdW5kIjp7IiRpZCI6IjIzNiIsIkNvbG9yIjp7IiRpZCI6IjI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4IiwiVG9wIjowLjAsIkxlZnQiOjAuMCwiUmlnaHQiOjAuMCwiQm90dG9tIjowLjB9LCJQYWRkaW5nIjp7IiRpZCI6IjIzOSIsIlRvcCI6MC4wLCJMZWZ0IjowLjAsIlJpZ2h0IjowLjAsIkJvdHRvbSI6MC4wfSwiQmFja2dyb3VuZCI6eyIkaWQiOiIyNDAiLCJDb2xvciI6eyIkaWQiOiIyNDEiLCJBIjowLCJSIjowLCJHIjowLCJCIjowfX0sIklzVmlzaWJsZSI6dHJ1ZSwiV2lkdGgiOjAuMCwiSGVpZ2h0IjowLjAsIkJvcmRlclN0eWxlIjpudWxsLCJQYXJlbnRTdHlsZSI6bnVsbH0sIkRhdGVGb3JtYXQiOnsiJGlkIjoiMj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pZCI6IjMy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yZWYiOiIzMDIifX0sIklzVmlzaWJsZSI6dHJ1ZSwiV2lkdGgiOjAuMCwiSGVpZ2h0IjowLjAsIkJvcmRlclN0eWxlIjpudWxsLCJQYXJlbnRTdHlsZSI6bnVsbH0sIkRhdGVTdHlsZSI6eyIkaWQiOiIzMzEiLCJGb250U2V0dGluZ3MiOnsiJGlkIjoiMzMyIiwiRm9udFNpemUiOjEwLCJGb250TmFtZSI6IkNhbGlicmkiLCJJc0JvbGQiOmZhbHNlLCJJc0l0YWxpYyI6ZmFsc2UsIklzVW5kZXJsaW5lZCI6ZmFsc2UsIlBhcmVudFN0eWxlIjpudWxsfSwiQXV0b1NpemUiOjAsIkZvcmVncm91bmQiOnsiJGlkIjoiMzMzIiwiQ29sb3IiOnsiJGlkIjoiMzM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yZWYiOiIzMDIifX0sIklzVmlzaWJsZSI6dHJ1ZSwiV2lkdGgiOjAuMCwiSGVpZ2h0IjowLjAsIkJvcmRlclN0eWxlIjpudWxsLCJQYXJlbnRTdHlsZSI6bnVsbH0sIkRhdGVGb3JtYXQiOnsiJGlkIjoiM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OSIsIkZvcm1hdCI6MCwiSXNWaXNpYmxlIjpmYWxzZSwiTGFzdEtub3duVmlzaWJpbGl0eVN0YXRlIjpmYWxzZX0sIklzVmlzaWJsZSI6dHJ1ZSwiUGFyZW50U3R5bGUiOm51bGwsIl9leHBsaWNpdGx5U2V0Ijp7IiRpZCI6IjM0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7IiRpZCI6IjM2OSIsIkNvbG9yIjp7IiRyZWYiOiIzNjIifX0sIklzVmlzaWJsZSI6dHJ1ZSwiV2lkdGgiOjAuMCwiSGVpZ2h0IjowLjAsIkJvcmRlclN0eWxlIjpudWxsLCJQYXJlbnRTdHlsZSI6bnVsbH0sIkRhdGVGb3JtYXQiOnsiJGlkIjoiMz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MCwiUiI6MCwiRyI6MCwiQiI6MH19LCJJc1Zpc2libGUiOnRydWUsIldpZHRoIjowLjAsIkhlaWdodCI6MC4wLCJCb3JkZXJTdHlsZSI6bnVsbCwiUGFyZW50U3R5bGUiOm51bGx9LCJEYXRlU3R5bGUiOnsiJGlkIjoiMzg5IiwiRm9udFNldHRpbmdzIjp7IiRpZCI6IjM5MCIsIkZvbnRTaXplIjoxMCwiRm9udE5hbWUiOiJDYWxpYnJpIExpZ2h0IiwiSXNCb2xkIjpmYWxzZSwiSXNJdGFsaWMiOmZhbHNlLCJJc1VuZGVybGluZWQiOmZhbHNlLCJQYXJlbnRTdHlsZSI6bnVsbH0sIkF1dG9TaXplIjowLCJGb3JlZ3JvdW5kIjp7IiRpZCI6IjM5MSIsIkNvbG9yIjp7IiRpZCI6IjM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kzIiwiVG9wIjowLjAsIkxlZnQiOjAuMCwiUmlnaHQiOjAuMCwiQm90dG9tIjowLjB9LCJQYWRkaW5nIjp7IiRpZCI6IjM5NCIsIlRvcCI6MC4wLCJMZWZ0IjowLjAsIlJpZ2h0IjowLjAsIkJvdHRvbSI6MC4wfSwiQmFja2dyb3VuZCI6eyIkaWQiOiIzOTUiLCJDb2xvciI6eyIkaWQiOiIzOTYiLCJBIjowLCJSIjowLCJHIjowLCJCIjowfX0sIklzVmlzaWJsZSI6dHJ1ZSwiV2lkdGgiOjAuMCwiSGVpZ2h0IjowLjAsIkJvcmRlclN0eWxlIjpudWxsLCJQYXJlbnRTdHlsZSI6bnVsbH0sIkRhdGVGb3JtYXQiOnsiJGlkIjoiMz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AyIiwiVG9wIjowLjAsIkxlZnQiOjAuMCwiUmlnaHQiOjAuMCwiQm90dG9tIjowLjB9LCJQYWRkaW5nIjp7IiRpZCI6IjYwMyIsIlRvcCI6MC4wLCJMZWZ0IjowLjAsIlJpZ2h0IjowLjAsIkJvdHRvbSI6MC4w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wLCJGb250TmFtZSI6IkNhbGlicmkgTGlnaHQiLCJJc0JvbGQiOmZhbHNlLCJJc0l0YWxpYyI6ZmFsc2UsIklzVW5kZXJsaW5lZCI6ZmFsc2UsIlBhcmVudFN0eWxlIjpudWxsfSwiQXV0b1NpemUiOjAsIkZvcmVncm91bmQiOnsiJGlkIjoiNjA5IiwiQ29sb3IiOnsiJGlkIjoiNjE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AsIlIiOjI1NSwiRyI6MjU1LCJCIjoyNTV9fSwiSXNWaXNpYmxlIjp0cnVlLCJXaWR0aCI6MC4wLCJIZWlnaHQiOjAuMCwiQm9yZGVyU3R5bGUiOnsiJGlkIjoiNjE1IiwiTGluZUNvbG9yIjpudWxsLCJMaW5lV2VpZ2h0IjowLjAsIkxpbmVUeXBlIjowLCJQYXJlbnRTdHlsZSI6bnVsbH0sIlBhcmVudFN0eWxlIjpudWxsfSwiRGF0ZUZvcm1hdCI6eyIkaWQiOiI2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nsiJGlkIjoiODM1IiwiQ29sb3IiOnsiJGlkIjoiODM2IiwiQSI6MCwiUiI6MjU1LCJHIjoyNTUsIkIiOjI1NX19LCJJc1Zpc2libGUiOnRydWUsIldpZHRoIjowLjAsIkhlaWdodCI6MC4wLCJCb3JkZXJTdHlsZSI6eyIkaWQiOiI4MzciLCJMaW5lQ29sb3IiOm51bGwsIkxpbmVXZWlnaHQiOjAuMCwiTGluZVR5cGUiOjAsIlBhcmVudFN0eWxlIjpudWxsfSwiUGFyZW50U3R5bGUiOm51bGx9LCJEYXRlRm9ybWF0Ijp7IiRpZCI6Ijg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LCJSZWNlbnRDb2xvcnNDb2xsZWN0aW9uIjoiW10iLCJTb3VyY2VUaGVtZSI6IntcIiRpZFwiOlwiMVwiLFwiSWRcIjpcIjBmM2FiZTExLWYxYzQtNDI1MC04MDU5LTM4YzMxZjEwN2NkZF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M2LFwiR1wiOjEzMCxcIkJcIjo1MH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w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yxcIkVuZERhdGVQb3NpdGlvblwiOjMsXCJUaXRsZVBvc2l0aW9uXCI6NCxcIkR1cmF0aW9uUG9zaXRpb25cIjowLFwiUGVyY2VudGFnZUNvbXBsZXRlZFBvc2l0aW9uXCI6MC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ixcIkdcIjoxNzAsXCJCXCI6NjZ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y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OSxcIklzQmVsb3dUaW1lYmFuZFwiOmZhbHNlLFwiU2hhcGVTaXplXCI6MC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YsXCJHXCI6MTcwLFwiQlwiOjY2fX0sXCJJc1Zpc2libGVcIjp0cnVlLFwiV2lkdGhcIjo4LjAsXCJIZWlnaHRcIjo4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kgTGlnaHRcIixcIklzQm9sZFwiOmZhbHNlLFwiSXNJdGFsaWNcIjpmYWxzZSxcIklzVW5kZXJsaW5lZFwiOmZhbHNlfSxcIkZvcmVncm91bmRcIjp7XCIkaWRcIjpcIjEwMVwiLFwiQ29sb3JcIjp7XCIkaWRcIjpcIjEwMlwiLFwiQVwiOjI1NSxcIlJcIjoyNyxcIkdcIjozOCxcIkJcIjo1OX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C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NixcIkdcIjoxNzAsXCJCXCI6NjZ9fSxcIklzVmlzaWJsZVwiOnRydWUsXCJXaWR0aFwiOjguMCxcIkhlaWdodFwiOjg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Q2FsaWJyaVwiLFwiSXNCb2xkXCI6dHJ1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MTAsXCJGb250TmFtZVwiOlwiQ2FsaWJyaSBMaWdodFwiLFwiSXNCb2xkXCI6ZmFsc2UsXCJJc0l0YWxpY1wiOmZhbHNlLFwiSXNVbmRlcmxpbmVkXCI6ZmFsc2V9LFwiRm9yZWdyb3VuZFwiOntcIiRpZFwiOlwiMTIyXCIsXCJDb2xvclwiOntcIiRpZFwiOlwiMTIzXCIsXCJBXCI6MjU1LFwiUlwiOjI3LFwiR1wiOjM4LFwiQlwiOjU5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OTFhNGYyNy1jMDJlLTRlZjYtYTAzNC01MGJlZjIwZjMxZjR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ixcIkdcIjoxNzAsXCJCXCI6NjZ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YsXCJHXCI6MTcwLFwiQlwiOjY2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ixcIkdcIjoxNzAsXCJCXCI6NjZ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YsXCJHXCI6MTcwLFwiQlwiOjY2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I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2LFwiR1wiOjE3MCxcIkJcIjo2Nn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i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IExpZ2h0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NyxcIkdcIjoxMjUsXCJCXCI6NDl9fSxcIkhvcml6b250YWxBbGlnbm1lbnRcIjowLFwiSXNWaXNpYmxlXCI6ZmFsc2V9LFwiUGVyY2VudGFnZUNvbXBsZXRlSGlnaGxpZ2h0U3R5bGVcIjp7XCIkaWRcIjpcIjE5OVwiLFwiQmFja2dyb3VuZFwiOntcIiRpZFwiOlwiMjAwXCIsXCJDb2xvclwiOntcIiRpZFwiOlwiMjAxXCIsXCJBXCI6MC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YsXCJHXCI6MTcwLFwiQlwiOjY2fX0sXCJJc1Zpc2libGVcIjp0cnVlLFwiV2lkdGhcIjowLjAsXCJIZWlnaHRcIjoxMC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2LFwiR1wiOjE3MCxcIkJcIjo2Nn19LFwiSXNWaXNpYmxlXCI6dHJ1ZSxcIldpZHRoXCI6MTguMCxcIkhlaWdodFwiOjIw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i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IExpZ2h0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I0LFwiR1wiOjIyNSxcIkJcIjoyMjF9LFwiQWNjZW50MlwiOntcIiRpZFwiOlwiMjc2XCIsXCJBXCI6MjU1LFwiUlwiOjM2LFwiR1wiOjEzMCxcIkJcIjo1MH0sXCJBY2NlbnQzXCI6e1wiJGlkXCI6XCIyNzdcIixcIkFcIjoyNTUsXCJSXCI6MjYsXCJHXCI6MTcwLFwiQlwiOjY2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ODQ0IiwiSW1wYU9wdGlvbnMiOnsiJGlkIjoiODQ1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f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7-04-01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v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3-02-01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90-10-01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r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6-03-01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x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9-07-01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igh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6-06-01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oday"/>
  <p:tag name="OTLPOSITIONONTASK" val="None"/>
  <p:tag name="OTLRELATEDTASKID" val="00000000-0000-0000-0000-000000000000"/>
  <p:tag name="OTLWEEKNUMBERINGFORMAT" val="WNFormat1"/>
  <p:tag name="OTLWEEKNUMBERINGISVISIBLE" val="False"/>
  <p:tag name="OTLDATE" val="2027-01-15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on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94-07-14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ir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97-11-22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i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9-11-09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2-04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ENDDATE" val="2027-01-15T23:59:00.0000000"/>
  <p:tag name="OTLTIMEBANDSTARTDATE" val="1990-10-01T23:59:00.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ENDDATE" val="2027-01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TARTDATE" val="1990-10-01T23:59:00.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8</Words>
  <Application>Microsoft Office PowerPoint</Application>
  <PresentationFormat>Widescreen</PresentationFormat>
  <Paragraphs>5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01T09:36:45Z</dcterms:created>
  <dcterms:modified xsi:type="dcterms:W3CDTF">2024-10-14T12:06:06Z</dcterms:modified>
</cp:coreProperties>
</file>